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9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8-3-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8-3-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arderwijk/"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FF2FC895-95DA-43B5-0878-2191ACD5652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0824" y="4766010"/>
            <a:ext cx="1829883" cy="190307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8D2B88A3-86BE-25D1-C399-CD8BB48D44F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6172" y="3420417"/>
            <a:ext cx="1838136" cy="1911661"/>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3</cp:revision>
  <dcterms:created xsi:type="dcterms:W3CDTF">2019-07-30T10:24:44Z</dcterms:created>
  <dcterms:modified xsi:type="dcterms:W3CDTF">2024-03-28T08:04:19Z</dcterms:modified>
</cp:coreProperties>
</file>